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orsel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DDD867D-2D40-2978-BC32-5BAF2389B11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3539" y="4836793"/>
            <a:ext cx="2062181" cy="186421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508D9D9-1CB0-C5F4-3121-22428F3E94D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5712" y="3751671"/>
            <a:ext cx="1618296" cy="146294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7T13:40:23Z</dcterms:modified>
</cp:coreProperties>
</file>